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3章 農業・漁業\01公表用\"/>
    </mc:Choice>
  </mc:AlternateContent>
  <xr:revisionPtr revIDLastSave="0" documentId="13_ncr:1_{76E0855D-C361-4A96-923E-6B8E7F80D0B3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1-5 経営耕地規模別農家数" sheetId="1" r:id="rId1"/>
  </sheets>
  <definedNames>
    <definedName name="_xlnm.Print_Area" localSheetId="0">'1-5 経営耕地規模別農家数'!$A$1:$J$70</definedName>
    <definedName name="_xlnm.Print_Titles" localSheetId="0">'1-5 経営耕地規模別農家数'!$1:$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D40" i="1" l="1"/>
  <c r="D33" i="1"/>
  <c r="D32" i="1"/>
  <c r="D31" i="1"/>
  <c r="D28" i="1"/>
  <c r="D25" i="1"/>
  <c r="D24" i="1"/>
  <c r="D23" i="1"/>
  <c r="D22" i="1"/>
  <c r="D19" i="1"/>
  <c r="D16" i="1"/>
  <c r="D13" i="1"/>
  <c r="D10" i="1"/>
</calcChain>
</file>

<file path=xl/sharedStrings.xml><?xml version="1.0" encoding="utf-8"?>
<sst xmlns="http://schemas.openxmlformats.org/spreadsheetml/2006/main" count="102" uniqueCount="49">
  <si>
    <t>１－５　経営耕地規模別農家数</t>
    <rPh sb="4" eb="6">
      <t>ケイエイ</t>
    </rPh>
    <rPh sb="6" eb="8">
      <t>コウチ</t>
    </rPh>
    <rPh sb="8" eb="11">
      <t>キボベツ</t>
    </rPh>
    <rPh sb="11" eb="14">
      <t>ノウカスウ</t>
    </rPh>
    <phoneticPr fontId="3"/>
  </si>
  <si>
    <t>資料：北海道農業基本調査結果報告書、農業事業体調査結果報告書、農業センサス、農林業センサス、世界農林業センサス、北海道統計</t>
    <rPh sb="0" eb="2">
      <t>シリョウ</t>
    </rPh>
    <phoneticPr fontId="3"/>
  </si>
  <si>
    <t>　　　（各年２月１日現在　単位:戸）</t>
    <rPh sb="4" eb="6">
      <t>カクネン</t>
    </rPh>
    <rPh sb="7" eb="8">
      <t>ガツ</t>
    </rPh>
    <rPh sb="9" eb="10">
      <t>ニチ</t>
    </rPh>
    <rPh sb="10" eb="12">
      <t>ゲンザイ</t>
    </rPh>
    <rPh sb="13" eb="15">
      <t>タンイ</t>
    </rPh>
    <rPh sb="16" eb="17">
      <t>コ</t>
    </rPh>
    <phoneticPr fontId="3"/>
  </si>
  <si>
    <t>西暦</t>
    <rPh sb="0" eb="2">
      <t>セイレキ</t>
    </rPh>
    <phoneticPr fontId="3"/>
  </si>
  <si>
    <t>和歴</t>
    <rPh sb="0" eb="1">
      <t>ワ</t>
    </rPh>
    <rPh sb="1" eb="2">
      <t>レキ</t>
    </rPh>
    <phoneticPr fontId="3"/>
  </si>
  <si>
    <t>地区</t>
    <rPh sb="0" eb="2">
      <t>チク</t>
    </rPh>
    <phoneticPr fontId="3"/>
  </si>
  <si>
    <t>農　　家</t>
    <rPh sb="0" eb="4">
      <t>ノウカ</t>
    </rPh>
    <phoneticPr fontId="3"/>
  </si>
  <si>
    <t>例　　外</t>
    <rPh sb="0" eb="4">
      <t>レイガイ</t>
    </rPh>
    <phoneticPr fontId="3"/>
  </si>
  <si>
    <t>～</t>
    <phoneticPr fontId="3"/>
  </si>
  <si>
    <t>1 ha ～</t>
    <phoneticPr fontId="3"/>
  </si>
  <si>
    <t>5 ha ～</t>
    <phoneticPr fontId="3"/>
  </si>
  <si>
    <t>10 ha ～</t>
    <phoneticPr fontId="3"/>
  </si>
  <si>
    <t>30 ha</t>
    <phoneticPr fontId="3"/>
  </si>
  <si>
    <t>総　　数</t>
    <rPh sb="0" eb="4">
      <t>ソウスウ</t>
    </rPh>
    <phoneticPr fontId="3"/>
  </si>
  <si>
    <t>規　　定</t>
    <rPh sb="0" eb="4">
      <t>キテイ</t>
    </rPh>
    <phoneticPr fontId="3"/>
  </si>
  <si>
    <t xml:space="preserve">  0.99ha</t>
    <phoneticPr fontId="3"/>
  </si>
  <si>
    <t xml:space="preserve">  4.99ha</t>
    <phoneticPr fontId="3"/>
  </si>
  <si>
    <t xml:space="preserve">  9.99ha</t>
    <phoneticPr fontId="3"/>
  </si>
  <si>
    <t xml:space="preserve"> 29.99ha</t>
    <phoneticPr fontId="3"/>
  </si>
  <si>
    <t>　以上</t>
    <rPh sb="1" eb="3">
      <t>イジョウ</t>
    </rPh>
    <phoneticPr fontId="3"/>
  </si>
  <si>
    <t>昭和60年</t>
    <rPh sb="0" eb="2">
      <t>ショウワ</t>
    </rPh>
    <phoneticPr fontId="3"/>
  </si>
  <si>
    <t>石狩町</t>
    <rPh sb="0" eb="2">
      <t>イシカリ</t>
    </rPh>
    <rPh sb="2" eb="3">
      <t>マチ</t>
    </rPh>
    <phoneticPr fontId="3"/>
  </si>
  <si>
    <t>厚田村</t>
    <rPh sb="0" eb="2">
      <t>ア</t>
    </rPh>
    <rPh sb="2" eb="3">
      <t>ムラ</t>
    </rPh>
    <phoneticPr fontId="3"/>
  </si>
  <si>
    <t>浜益村</t>
    <rPh sb="0" eb="2">
      <t>ｈ</t>
    </rPh>
    <rPh sb="2" eb="3">
      <t>ムラ</t>
    </rPh>
    <phoneticPr fontId="3"/>
  </si>
  <si>
    <t>昭和61年</t>
    <rPh sb="0" eb="2">
      <t>ショウワ</t>
    </rPh>
    <phoneticPr fontId="3"/>
  </si>
  <si>
    <t>昭和62年</t>
    <rPh sb="0" eb="2">
      <t>ショウワ</t>
    </rPh>
    <phoneticPr fontId="3"/>
  </si>
  <si>
    <t>昭和63年</t>
    <rPh sb="0" eb="2">
      <t>ショウワ</t>
    </rPh>
    <phoneticPr fontId="3"/>
  </si>
  <si>
    <t>平成元年</t>
    <rPh sb="0" eb="2">
      <t>ｈ</t>
    </rPh>
    <rPh sb="2" eb="4">
      <t>ガンネン</t>
    </rPh>
    <phoneticPr fontId="3"/>
  </si>
  <si>
    <t>平成 2年</t>
    <rPh sb="0" eb="2">
      <t>ｈ</t>
    </rPh>
    <rPh sb="4" eb="5">
      <t>ネン</t>
    </rPh>
    <phoneticPr fontId="3"/>
  </si>
  <si>
    <t>平成 3年</t>
    <rPh sb="0" eb="2">
      <t>ｈ</t>
    </rPh>
    <rPh sb="4" eb="5">
      <t>ネン</t>
    </rPh>
    <phoneticPr fontId="3"/>
  </si>
  <si>
    <t>平成 4年</t>
    <rPh sb="0" eb="2">
      <t>ｈ</t>
    </rPh>
    <rPh sb="4" eb="5">
      <t>ネン</t>
    </rPh>
    <phoneticPr fontId="3"/>
  </si>
  <si>
    <t>平成 5年</t>
    <rPh sb="0" eb="2">
      <t>ｈ</t>
    </rPh>
    <rPh sb="4" eb="5">
      <t>ネン</t>
    </rPh>
    <phoneticPr fontId="3"/>
  </si>
  <si>
    <t>平成 6年</t>
    <rPh sb="0" eb="2">
      <t>ｈ</t>
    </rPh>
    <rPh sb="4" eb="5">
      <t>ネン</t>
    </rPh>
    <phoneticPr fontId="3"/>
  </si>
  <si>
    <t>平成 7年</t>
    <rPh sb="0" eb="2">
      <t>ｈ</t>
    </rPh>
    <rPh sb="4" eb="5">
      <t>ネン</t>
    </rPh>
    <phoneticPr fontId="3"/>
  </si>
  <si>
    <t>平成 8年</t>
    <rPh sb="0" eb="2">
      <t>ｈ</t>
    </rPh>
    <rPh sb="4" eb="5">
      <t>ネン</t>
    </rPh>
    <phoneticPr fontId="3"/>
  </si>
  <si>
    <t>石狩市</t>
    <rPh sb="0" eb="3">
      <t>イ</t>
    </rPh>
    <phoneticPr fontId="3"/>
  </si>
  <si>
    <t>平成 9年</t>
    <rPh sb="0" eb="2">
      <t>ｈ</t>
    </rPh>
    <rPh sb="4" eb="5">
      <t>ネン</t>
    </rPh>
    <phoneticPr fontId="3"/>
  </si>
  <si>
    <t>平成 10年</t>
    <rPh sb="0" eb="2">
      <t>ｈ</t>
    </rPh>
    <rPh sb="5" eb="6">
      <t>ネン</t>
    </rPh>
    <phoneticPr fontId="3"/>
  </si>
  <si>
    <t>平成 11年</t>
    <rPh sb="0" eb="2">
      <t>ｈ</t>
    </rPh>
    <rPh sb="5" eb="6">
      <t>ネン</t>
    </rPh>
    <phoneticPr fontId="3"/>
  </si>
  <si>
    <t>平成 12年</t>
    <rPh sb="0" eb="2">
      <t>ｈ</t>
    </rPh>
    <rPh sb="5" eb="6">
      <t>ネン</t>
    </rPh>
    <phoneticPr fontId="3"/>
  </si>
  <si>
    <t>平成17年</t>
    <rPh sb="0" eb="2">
      <t>ｈ</t>
    </rPh>
    <rPh sb="4" eb="5">
      <t>ネン</t>
    </rPh>
    <phoneticPr fontId="3"/>
  </si>
  <si>
    <t>石狩地区</t>
    <rPh sb="0" eb="2">
      <t>イシカリ</t>
    </rPh>
    <rPh sb="2" eb="4">
      <t>チク</t>
    </rPh>
    <phoneticPr fontId="3"/>
  </si>
  <si>
    <t>厚田区</t>
    <rPh sb="0" eb="2">
      <t>ア</t>
    </rPh>
    <rPh sb="2" eb="3">
      <t>ク</t>
    </rPh>
    <phoneticPr fontId="3"/>
  </si>
  <si>
    <t>浜益区</t>
    <rPh sb="0" eb="2">
      <t>ｈ</t>
    </rPh>
    <rPh sb="2" eb="3">
      <t>ク</t>
    </rPh>
    <phoneticPr fontId="3"/>
  </si>
  <si>
    <t>平成22年</t>
    <rPh sb="0" eb="2">
      <t>ｈ</t>
    </rPh>
    <rPh sb="4" eb="5">
      <t>ネン</t>
    </rPh>
    <phoneticPr fontId="3"/>
  </si>
  <si>
    <t>平成27年</t>
    <rPh sb="0" eb="2">
      <t>ｈ</t>
    </rPh>
    <rPh sb="4" eb="5">
      <t>ネン</t>
    </rPh>
    <phoneticPr fontId="3"/>
  </si>
  <si>
    <t>※例外規定:調査対象は、経営耕地面積○a(アール）以上（調査年により異なる）の農業を営む農家となっているが、それ以下でも年間の農業生産物の総販売額が○万円以上（調査年により異なる）の農家も農家としてカウントする。</t>
    <rPh sb="1" eb="3">
      <t>レイガイ</t>
    </rPh>
    <rPh sb="3" eb="5">
      <t>キテイ</t>
    </rPh>
    <rPh sb="6" eb="8">
      <t>チョウサ</t>
    </rPh>
    <rPh sb="8" eb="10">
      <t>タイショウ</t>
    </rPh>
    <rPh sb="12" eb="14">
      <t>ケイエイ</t>
    </rPh>
    <rPh sb="14" eb="16">
      <t>コウチ</t>
    </rPh>
    <rPh sb="16" eb="18">
      <t>メンセキ</t>
    </rPh>
    <rPh sb="25" eb="27">
      <t>イジョウ</t>
    </rPh>
    <rPh sb="39" eb="41">
      <t>ノウギョウ</t>
    </rPh>
    <rPh sb="42" eb="43">
      <t>イトナ</t>
    </rPh>
    <rPh sb="44" eb="46">
      <t>ノウカ</t>
    </rPh>
    <rPh sb="56" eb="58">
      <t>イカ</t>
    </rPh>
    <rPh sb="60" eb="62">
      <t>ネンカン</t>
    </rPh>
    <rPh sb="63" eb="65">
      <t>ノウギョウ</t>
    </rPh>
    <rPh sb="65" eb="68">
      <t>セイサンブツ</t>
    </rPh>
    <rPh sb="69" eb="73">
      <t>ソウハンバイガク</t>
    </rPh>
    <rPh sb="75" eb="76">
      <t>マン</t>
    </rPh>
    <rPh sb="76" eb="79">
      <t>エンイジョウ</t>
    </rPh>
    <rPh sb="80" eb="82">
      <t>チョウサ</t>
    </rPh>
    <rPh sb="82" eb="83">
      <t>ネン</t>
    </rPh>
    <rPh sb="86" eb="87">
      <t>コト</t>
    </rPh>
    <rPh sb="91" eb="93">
      <t>ノウカ</t>
    </rPh>
    <rPh sb="94" eb="96">
      <t>ノウカ</t>
    </rPh>
    <phoneticPr fontId="3"/>
  </si>
  <si>
    <t>※1999年（平成11年）までは総農家、2000年（平成12年）以降は販売農家とする。</t>
    <rPh sb="5" eb="6">
      <t>ネン</t>
    </rPh>
    <rPh sb="7" eb="9">
      <t>ｈ</t>
    </rPh>
    <rPh sb="11" eb="12">
      <t>ネン</t>
    </rPh>
    <rPh sb="16" eb="17">
      <t>ソウ</t>
    </rPh>
    <rPh sb="17" eb="19">
      <t>ノウカ</t>
    </rPh>
    <rPh sb="24" eb="25">
      <t>ネン</t>
    </rPh>
    <rPh sb="26" eb="28">
      <t>ヘイセイ</t>
    </rPh>
    <rPh sb="30" eb="31">
      <t>ネン</t>
    </rPh>
    <rPh sb="32" eb="34">
      <t>イコウ</t>
    </rPh>
    <rPh sb="35" eb="37">
      <t>ハンバイ</t>
    </rPh>
    <rPh sb="37" eb="39">
      <t>ノウカ</t>
    </rPh>
    <phoneticPr fontId="3"/>
  </si>
  <si>
    <t>令和2年</t>
    <rPh sb="0" eb="2">
      <t>レイワ</t>
    </rPh>
    <rPh sb="3" eb="4">
      <t>ネ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1" formatCode="_ * #,##0_ ;_ * \-#,##0_ ;_ * &quot;-&quot;_ ;_ @_ "/>
    <numFmt numFmtId="176" formatCode="0000&quot;年&quot;"/>
  </numFmts>
  <fonts count="5" x14ac:knownFonts="1"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/>
  </cellStyleXfs>
  <cellXfs count="82">
    <xf numFmtId="0" fontId="0" fillId="0" borderId="0" xfId="0"/>
    <xf numFmtId="0" fontId="1" fillId="0" borderId="0" xfId="0" applyFont="1"/>
    <xf numFmtId="0" fontId="0" fillId="0" borderId="0" xfId="0" applyBorder="1" applyAlignment="1"/>
    <xf numFmtId="0" fontId="0" fillId="0" borderId="0" xfId="0" applyBorder="1" applyAlignment="1">
      <alignment horizontal="right"/>
    </xf>
    <xf numFmtId="0" fontId="0" fillId="0" borderId="4" xfId="0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2" xfId="0" applyBorder="1" applyAlignment="1"/>
    <xf numFmtId="0" fontId="0" fillId="0" borderId="5" xfId="0" applyBorder="1" applyAlignment="1"/>
    <xf numFmtId="0" fontId="0" fillId="0" borderId="9" xfId="0" applyBorder="1" applyAlignment="1">
      <alignment horizontal="center" vertical="top"/>
    </xf>
    <xf numFmtId="0" fontId="0" fillId="0" borderId="7" xfId="0" applyBorder="1" applyAlignment="1">
      <alignment horizontal="center" vertical="top"/>
    </xf>
    <xf numFmtId="0" fontId="0" fillId="0" borderId="7" xfId="0" applyBorder="1" applyAlignment="1">
      <alignment vertical="top"/>
    </xf>
    <xf numFmtId="0" fontId="0" fillId="0" borderId="10" xfId="0" applyBorder="1" applyAlignment="1">
      <alignment vertical="top"/>
    </xf>
    <xf numFmtId="0" fontId="0" fillId="0" borderId="13" xfId="0" applyFont="1" applyBorder="1" applyAlignment="1">
      <alignment horizontal="center" vertical="center"/>
    </xf>
    <xf numFmtId="41" fontId="0" fillId="0" borderId="14" xfId="0" applyNumberFormat="1" applyBorder="1" applyAlignment="1">
      <alignment horizontal="right" vertical="center"/>
    </xf>
    <xf numFmtId="41" fontId="0" fillId="0" borderId="15" xfId="0" applyNumberFormat="1" applyBorder="1" applyAlignment="1">
      <alignment horizontal="right" vertical="center"/>
    </xf>
    <xf numFmtId="41" fontId="0" fillId="0" borderId="16" xfId="0" applyNumberFormat="1" applyBorder="1" applyAlignment="1">
      <alignment horizontal="right" vertical="center"/>
    </xf>
    <xf numFmtId="0" fontId="0" fillId="0" borderId="19" xfId="0" applyFont="1" applyBorder="1" applyAlignment="1">
      <alignment horizontal="center" vertical="center"/>
    </xf>
    <xf numFmtId="41" fontId="0" fillId="0" borderId="20" xfId="0" applyNumberFormat="1" applyBorder="1" applyAlignment="1">
      <alignment horizontal="right" vertical="center"/>
    </xf>
    <xf numFmtId="41" fontId="0" fillId="0" borderId="21" xfId="0" applyNumberFormat="1" applyBorder="1" applyAlignment="1">
      <alignment horizontal="right" vertical="center"/>
    </xf>
    <xf numFmtId="41" fontId="0" fillId="0" borderId="22" xfId="0" applyNumberFormat="1" applyBorder="1" applyAlignment="1">
      <alignment horizontal="right" vertical="center"/>
    </xf>
    <xf numFmtId="0" fontId="0" fillId="0" borderId="23" xfId="0" applyFont="1" applyBorder="1" applyAlignment="1">
      <alignment horizontal="center" vertical="center"/>
    </xf>
    <xf numFmtId="41" fontId="0" fillId="0" borderId="24" xfId="0" applyNumberFormat="1" applyBorder="1" applyAlignment="1">
      <alignment horizontal="right" vertical="center"/>
    </xf>
    <xf numFmtId="41" fontId="0" fillId="0" borderId="25" xfId="0" applyNumberFormat="1" applyBorder="1" applyAlignment="1">
      <alignment horizontal="right" vertical="center"/>
    </xf>
    <xf numFmtId="41" fontId="0" fillId="0" borderId="26" xfId="0" applyNumberFormat="1" applyBorder="1" applyAlignment="1">
      <alignment horizontal="right" vertical="center"/>
    </xf>
    <xf numFmtId="0" fontId="0" fillId="0" borderId="27" xfId="0" applyFont="1" applyBorder="1" applyAlignment="1">
      <alignment horizontal="center" vertical="center"/>
    </xf>
    <xf numFmtId="41" fontId="0" fillId="0" borderId="28" xfId="0" applyNumberFormat="1" applyBorder="1" applyAlignment="1">
      <alignment vertical="center"/>
    </xf>
    <xf numFmtId="41" fontId="0" fillId="0" borderId="29" xfId="0" applyNumberFormat="1" applyBorder="1" applyAlignment="1">
      <alignment vertical="center"/>
    </xf>
    <xf numFmtId="41" fontId="0" fillId="0" borderId="30" xfId="0" applyNumberFormat="1" applyBorder="1" applyAlignment="1">
      <alignment vertical="center"/>
    </xf>
    <xf numFmtId="41" fontId="0" fillId="0" borderId="20" xfId="0" applyNumberFormat="1" applyBorder="1" applyAlignment="1">
      <alignment vertical="center"/>
    </xf>
    <xf numFmtId="41" fontId="0" fillId="0" borderId="21" xfId="0" applyNumberFormat="1" applyBorder="1" applyAlignment="1">
      <alignment vertical="center"/>
    </xf>
    <xf numFmtId="41" fontId="0" fillId="0" borderId="22" xfId="0" applyNumberFormat="1" applyBorder="1" applyAlignment="1">
      <alignment vertical="center"/>
    </xf>
    <xf numFmtId="0" fontId="0" fillId="0" borderId="31" xfId="0" applyFont="1" applyBorder="1" applyAlignment="1">
      <alignment horizontal="center" vertical="center"/>
    </xf>
    <xf numFmtId="41" fontId="0" fillId="0" borderId="32" xfId="0" applyNumberFormat="1" applyBorder="1" applyAlignment="1">
      <alignment vertical="center"/>
    </xf>
    <xf numFmtId="41" fontId="0" fillId="0" borderId="33" xfId="0" applyNumberFormat="1" applyBorder="1" applyAlignment="1">
      <alignment vertical="center"/>
    </xf>
    <xf numFmtId="41" fontId="0" fillId="0" borderId="34" xfId="0" applyNumberFormat="1" applyBorder="1" applyAlignment="1">
      <alignment vertical="center"/>
    </xf>
    <xf numFmtId="41" fontId="0" fillId="0" borderId="14" xfId="0" applyNumberFormat="1" applyBorder="1" applyAlignment="1">
      <alignment vertical="center"/>
    </xf>
    <xf numFmtId="41" fontId="0" fillId="0" borderId="15" xfId="0" applyNumberFormat="1" applyBorder="1" applyAlignment="1">
      <alignment vertical="center"/>
    </xf>
    <xf numFmtId="41" fontId="0" fillId="0" borderId="16" xfId="0" applyNumberFormat="1" applyBorder="1" applyAlignment="1">
      <alignment vertical="center"/>
    </xf>
    <xf numFmtId="41" fontId="0" fillId="0" borderId="24" xfId="0" applyNumberFormat="1" applyBorder="1" applyAlignment="1">
      <alignment vertical="center"/>
    </xf>
    <xf numFmtId="41" fontId="0" fillId="0" borderId="25" xfId="0" applyNumberFormat="1" applyBorder="1" applyAlignment="1">
      <alignment vertical="center"/>
    </xf>
    <xf numFmtId="41" fontId="0" fillId="0" borderId="26" xfId="0" applyNumberFormat="1" applyBorder="1" applyAlignment="1">
      <alignment vertical="center"/>
    </xf>
    <xf numFmtId="41" fontId="0" fillId="0" borderId="28" xfId="0" applyNumberFormat="1" applyFill="1" applyBorder="1" applyAlignment="1">
      <alignment vertical="center"/>
    </xf>
    <xf numFmtId="41" fontId="0" fillId="0" borderId="29" xfId="0" applyNumberFormat="1" applyFill="1" applyBorder="1" applyAlignment="1">
      <alignment vertical="center"/>
    </xf>
    <xf numFmtId="41" fontId="0" fillId="0" borderId="30" xfId="0" applyNumberFormat="1" applyFill="1" applyBorder="1" applyAlignment="1">
      <alignment vertical="center"/>
    </xf>
    <xf numFmtId="0" fontId="0" fillId="0" borderId="0" xfId="0" applyFill="1"/>
    <xf numFmtId="41" fontId="0" fillId="0" borderId="20" xfId="0" applyNumberFormat="1" applyFill="1" applyBorder="1" applyAlignment="1">
      <alignment vertical="center"/>
    </xf>
    <xf numFmtId="41" fontId="0" fillId="0" borderId="21" xfId="0" applyNumberFormat="1" applyFill="1" applyBorder="1" applyAlignment="1">
      <alignment vertical="center"/>
    </xf>
    <xf numFmtId="41" fontId="0" fillId="0" borderId="22" xfId="0" applyNumberFormat="1" applyFill="1" applyBorder="1" applyAlignment="1">
      <alignment vertical="center"/>
    </xf>
    <xf numFmtId="41" fontId="0" fillId="0" borderId="32" xfId="0" applyNumberFormat="1" applyFill="1" applyBorder="1" applyAlignment="1">
      <alignment vertical="center"/>
    </xf>
    <xf numFmtId="41" fontId="0" fillId="0" borderId="33" xfId="0" applyNumberFormat="1" applyFill="1" applyBorder="1" applyAlignment="1">
      <alignment vertical="center"/>
    </xf>
    <xf numFmtId="41" fontId="0" fillId="0" borderId="34" xfId="0" applyNumberFormat="1" applyFill="1" applyBorder="1" applyAlignment="1">
      <alignment vertical="center"/>
    </xf>
    <xf numFmtId="41" fontId="0" fillId="0" borderId="14" xfId="0" applyNumberFormat="1" applyFill="1" applyBorder="1" applyAlignment="1">
      <alignment vertical="center"/>
    </xf>
    <xf numFmtId="41" fontId="0" fillId="0" borderId="15" xfId="0" applyNumberFormat="1" applyFill="1" applyBorder="1" applyAlignment="1">
      <alignment vertical="center"/>
    </xf>
    <xf numFmtId="41" fontId="0" fillId="0" borderId="16" xfId="0" applyNumberFormat="1" applyFill="1" applyBorder="1" applyAlignment="1">
      <alignment vertical="center"/>
    </xf>
    <xf numFmtId="41" fontId="0" fillId="0" borderId="24" xfId="0" applyNumberFormat="1" applyFill="1" applyBorder="1" applyAlignment="1">
      <alignment vertical="center"/>
    </xf>
    <xf numFmtId="41" fontId="0" fillId="0" borderId="25" xfId="0" applyNumberFormat="1" applyFill="1" applyBorder="1" applyAlignment="1">
      <alignment vertical="center"/>
    </xf>
    <xf numFmtId="41" fontId="0" fillId="0" borderId="26" xfId="0" applyNumberFormat="1" applyFill="1" applyBorder="1" applyAlignment="1">
      <alignment vertical="center"/>
    </xf>
    <xf numFmtId="0" fontId="0" fillId="0" borderId="37" xfId="0" applyFont="1" applyBorder="1" applyAlignment="1">
      <alignment horizontal="center" vertical="center"/>
    </xf>
    <xf numFmtId="41" fontId="0" fillId="0" borderId="38" xfId="0" applyNumberFormat="1" applyFill="1" applyBorder="1" applyAlignment="1">
      <alignment vertical="center"/>
    </xf>
    <xf numFmtId="41" fontId="0" fillId="0" borderId="39" xfId="0" applyNumberFormat="1" applyFill="1" applyBorder="1" applyAlignment="1">
      <alignment vertical="center"/>
    </xf>
    <xf numFmtId="41" fontId="0" fillId="0" borderId="40" xfId="0" applyNumberFormat="1" applyFill="1" applyBorder="1" applyAlignment="1">
      <alignment vertical="center"/>
    </xf>
    <xf numFmtId="0" fontId="0" fillId="0" borderId="0" xfId="0" applyBorder="1" applyAlignment="1">
      <alignment vertical="top" wrapText="1"/>
    </xf>
    <xf numFmtId="0" fontId="0" fillId="0" borderId="0" xfId="0" applyBorder="1"/>
    <xf numFmtId="0" fontId="4" fillId="0" borderId="0" xfId="0" applyFont="1" applyFill="1" applyBorder="1" applyAlignment="1">
      <alignment horizontal="center" vertical="center"/>
    </xf>
    <xf numFmtId="0" fontId="0" fillId="0" borderId="0" xfId="0" applyAlignment="1">
      <alignment horizontal="left" vertical="center" wrapText="1"/>
    </xf>
    <xf numFmtId="0" fontId="0" fillId="0" borderId="1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176" fontId="0" fillId="0" borderId="11" xfId="0" applyNumberFormat="1" applyFill="1" applyBorder="1" applyAlignment="1">
      <alignment horizontal="center" vertical="center"/>
    </xf>
    <xf numFmtId="176" fontId="0" fillId="0" borderId="17" xfId="0" applyNumberFormat="1" applyFill="1" applyBorder="1" applyAlignment="1">
      <alignment horizontal="center" vertical="center"/>
    </xf>
    <xf numFmtId="176" fontId="0" fillId="0" borderId="6" xfId="0" applyNumberForma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4" fillId="0" borderId="18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0" fillId="0" borderId="41" xfId="0" applyBorder="1" applyAlignment="1">
      <alignment horizontal="left" vertical="top" wrapText="1"/>
    </xf>
    <xf numFmtId="0" fontId="0" fillId="0" borderId="0" xfId="0" applyBorder="1" applyAlignment="1">
      <alignment horizontal="left" vertical="top" wrapText="1"/>
    </xf>
    <xf numFmtId="0" fontId="0" fillId="0" borderId="0" xfId="0" applyBorder="1" applyAlignment="1">
      <alignment horizontal="left" wrapText="1"/>
    </xf>
    <xf numFmtId="176" fontId="0" fillId="0" borderId="35" xfId="0" applyNumberFormat="1" applyFill="1" applyBorder="1" applyAlignment="1">
      <alignment horizontal="center" vertical="center"/>
    </xf>
    <xf numFmtId="0" fontId="4" fillId="0" borderId="36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91"/>
  <sheetViews>
    <sheetView tabSelected="1" view="pageBreakPreview" zoomScale="115" zoomScaleNormal="100" zoomScaleSheetLayoutView="115" workbookViewId="0">
      <pane xSplit="2" ySplit="6" topLeftCell="C55" activePane="bottomRight" state="frozen"/>
      <selection activeCell="J12" sqref="J12"/>
      <selection pane="topRight" activeCell="J12" sqref="J12"/>
      <selection pane="bottomLeft" activeCell="J12" sqref="J12"/>
      <selection pane="bottomRight" activeCell="H69" sqref="H69"/>
    </sheetView>
  </sheetViews>
  <sheetFormatPr defaultRowHeight="13.2" x14ac:dyDescent="0.2"/>
  <cols>
    <col min="1" max="1" width="9" customWidth="1"/>
    <col min="4" max="4" width="10" style="62" customWidth="1"/>
    <col min="5" max="10" width="8.77734375" customWidth="1"/>
  </cols>
  <sheetData>
    <row r="1" spans="1:10" ht="19.2" x14ac:dyDescent="0.25">
      <c r="A1" s="1" t="s">
        <v>0</v>
      </c>
      <c r="D1"/>
    </row>
    <row r="2" spans="1:10" ht="18.75" customHeight="1" x14ac:dyDescent="0.25">
      <c r="A2" s="1"/>
      <c r="B2" s="64" t="s">
        <v>1</v>
      </c>
      <c r="C2" s="64"/>
      <c r="D2" s="64"/>
      <c r="E2" s="64"/>
      <c r="F2" s="64"/>
      <c r="G2" s="64"/>
      <c r="H2" s="64"/>
      <c r="I2" s="64"/>
      <c r="J2" s="64"/>
    </row>
    <row r="3" spans="1:10" ht="19.2" x14ac:dyDescent="0.25">
      <c r="A3" s="1"/>
      <c r="B3" s="64"/>
      <c r="C3" s="64"/>
      <c r="D3" s="64"/>
      <c r="E3" s="64"/>
      <c r="F3" s="64"/>
      <c r="G3" s="64"/>
      <c r="H3" s="64"/>
      <c r="I3" s="64"/>
      <c r="J3" s="64"/>
    </row>
    <row r="4" spans="1:10" ht="19.5" customHeight="1" thickBot="1" x14ac:dyDescent="0.25">
      <c r="D4"/>
      <c r="G4" s="2"/>
      <c r="H4" s="2"/>
      <c r="I4" s="2"/>
      <c r="J4" s="3" t="s">
        <v>2</v>
      </c>
    </row>
    <row r="5" spans="1:10" ht="19.5" customHeight="1" x14ac:dyDescent="0.2">
      <c r="A5" s="65" t="s">
        <v>3</v>
      </c>
      <c r="B5" s="67" t="s">
        <v>4</v>
      </c>
      <c r="C5" s="69" t="s">
        <v>5</v>
      </c>
      <c r="D5" s="4" t="s">
        <v>6</v>
      </c>
      <c r="E5" s="5" t="s">
        <v>7</v>
      </c>
      <c r="F5" s="6" t="s">
        <v>8</v>
      </c>
      <c r="G5" s="6" t="s">
        <v>9</v>
      </c>
      <c r="H5" s="6" t="s">
        <v>10</v>
      </c>
      <c r="I5" s="6" t="s">
        <v>11</v>
      </c>
      <c r="J5" s="7" t="s">
        <v>12</v>
      </c>
    </row>
    <row r="6" spans="1:10" ht="19.5" customHeight="1" x14ac:dyDescent="0.2">
      <c r="A6" s="66"/>
      <c r="B6" s="68"/>
      <c r="C6" s="70"/>
      <c r="D6" s="8" t="s">
        <v>13</v>
      </c>
      <c r="E6" s="9" t="s">
        <v>14</v>
      </c>
      <c r="F6" s="10" t="s">
        <v>15</v>
      </c>
      <c r="G6" s="10" t="s">
        <v>16</v>
      </c>
      <c r="H6" s="10" t="s">
        <v>17</v>
      </c>
      <c r="I6" s="10" t="s">
        <v>18</v>
      </c>
      <c r="J6" s="11" t="s">
        <v>19</v>
      </c>
    </row>
    <row r="7" spans="1:10" ht="19.5" customHeight="1" x14ac:dyDescent="0.2">
      <c r="A7" s="71">
        <v>1985</v>
      </c>
      <c r="B7" s="74" t="s">
        <v>20</v>
      </c>
      <c r="C7" s="12" t="s">
        <v>21</v>
      </c>
      <c r="D7" s="13">
        <v>575</v>
      </c>
      <c r="E7" s="14">
        <v>1</v>
      </c>
      <c r="F7" s="14">
        <v>89</v>
      </c>
      <c r="G7" s="14">
        <v>233</v>
      </c>
      <c r="H7" s="14">
        <v>190</v>
      </c>
      <c r="I7" s="14">
        <v>60</v>
      </c>
      <c r="J7" s="15">
        <v>2</v>
      </c>
    </row>
    <row r="8" spans="1:10" ht="19.5" customHeight="1" x14ac:dyDescent="0.2">
      <c r="A8" s="72"/>
      <c r="B8" s="75"/>
      <c r="C8" s="16" t="s">
        <v>22</v>
      </c>
      <c r="D8" s="17">
        <v>302</v>
      </c>
      <c r="E8" s="18">
        <v>3</v>
      </c>
      <c r="F8" s="18">
        <v>72</v>
      </c>
      <c r="G8" s="18">
        <v>111</v>
      </c>
      <c r="H8" s="18">
        <v>75</v>
      </c>
      <c r="I8" s="18">
        <v>37</v>
      </c>
      <c r="J8" s="19">
        <v>4</v>
      </c>
    </row>
    <row r="9" spans="1:10" ht="19.5" customHeight="1" x14ac:dyDescent="0.2">
      <c r="A9" s="73"/>
      <c r="B9" s="76"/>
      <c r="C9" s="20" t="s">
        <v>23</v>
      </c>
      <c r="D9" s="21">
        <v>356</v>
      </c>
      <c r="E9" s="22">
        <v>0</v>
      </c>
      <c r="F9" s="22">
        <v>209</v>
      </c>
      <c r="G9" s="22">
        <v>122</v>
      </c>
      <c r="H9" s="22">
        <v>21</v>
      </c>
      <c r="I9" s="22">
        <v>4</v>
      </c>
      <c r="J9" s="23">
        <v>0</v>
      </c>
    </row>
    <row r="10" spans="1:10" ht="19.5" customHeight="1" x14ac:dyDescent="0.2">
      <c r="A10" s="72">
        <v>1986</v>
      </c>
      <c r="B10" s="75" t="s">
        <v>24</v>
      </c>
      <c r="C10" s="24" t="s">
        <v>21</v>
      </c>
      <c r="D10" s="25">
        <f>E10+F10+G10+H10+I10+J10</f>
        <v>571</v>
      </c>
      <c r="E10" s="26">
        <v>1</v>
      </c>
      <c r="F10" s="26">
        <v>89</v>
      </c>
      <c r="G10" s="26">
        <v>228</v>
      </c>
      <c r="H10" s="26">
        <v>192</v>
      </c>
      <c r="I10" s="26">
        <v>59</v>
      </c>
      <c r="J10" s="27">
        <v>2</v>
      </c>
    </row>
    <row r="11" spans="1:10" ht="19.5" customHeight="1" x14ac:dyDescent="0.2">
      <c r="A11" s="72"/>
      <c r="B11" s="75"/>
      <c r="C11" s="16" t="s">
        <v>22</v>
      </c>
      <c r="D11" s="28">
        <v>296</v>
      </c>
      <c r="E11" s="29">
        <v>3</v>
      </c>
      <c r="F11" s="29">
        <v>69</v>
      </c>
      <c r="G11" s="29">
        <v>110</v>
      </c>
      <c r="H11" s="29">
        <v>73</v>
      </c>
      <c r="I11" s="29">
        <v>37</v>
      </c>
      <c r="J11" s="30">
        <v>4</v>
      </c>
    </row>
    <row r="12" spans="1:10" ht="19.5" customHeight="1" x14ac:dyDescent="0.2">
      <c r="A12" s="72"/>
      <c r="B12" s="75"/>
      <c r="C12" s="31" t="s">
        <v>23</v>
      </c>
      <c r="D12" s="32">
        <v>358</v>
      </c>
      <c r="E12" s="33">
        <v>0</v>
      </c>
      <c r="F12" s="33">
        <v>213</v>
      </c>
      <c r="G12" s="33">
        <v>121</v>
      </c>
      <c r="H12" s="33">
        <v>20</v>
      </c>
      <c r="I12" s="33">
        <v>4</v>
      </c>
      <c r="J12" s="34">
        <v>0</v>
      </c>
    </row>
    <row r="13" spans="1:10" ht="19.5" customHeight="1" x14ac:dyDescent="0.2">
      <c r="A13" s="71">
        <v>1987</v>
      </c>
      <c r="B13" s="74" t="s">
        <v>25</v>
      </c>
      <c r="C13" s="12" t="s">
        <v>21</v>
      </c>
      <c r="D13" s="35">
        <f>E13+F13+G13+H13+I13+J13</f>
        <v>562</v>
      </c>
      <c r="E13" s="36">
        <v>1</v>
      </c>
      <c r="F13" s="36">
        <v>81</v>
      </c>
      <c r="G13" s="36">
        <v>229</v>
      </c>
      <c r="H13" s="36">
        <v>188</v>
      </c>
      <c r="I13" s="36">
        <v>61</v>
      </c>
      <c r="J13" s="37">
        <v>2</v>
      </c>
    </row>
    <row r="14" spans="1:10" ht="19.5" customHeight="1" x14ac:dyDescent="0.2">
      <c r="A14" s="72"/>
      <c r="B14" s="75"/>
      <c r="C14" s="16" t="s">
        <v>22</v>
      </c>
      <c r="D14" s="28">
        <v>289</v>
      </c>
      <c r="E14" s="29">
        <v>3</v>
      </c>
      <c r="F14" s="29">
        <v>72</v>
      </c>
      <c r="G14" s="29">
        <v>100</v>
      </c>
      <c r="H14" s="29">
        <v>73</v>
      </c>
      <c r="I14" s="29">
        <v>37</v>
      </c>
      <c r="J14" s="30">
        <v>4</v>
      </c>
    </row>
    <row r="15" spans="1:10" ht="19.5" customHeight="1" x14ac:dyDescent="0.2">
      <c r="A15" s="73"/>
      <c r="B15" s="76"/>
      <c r="C15" s="20" t="s">
        <v>23</v>
      </c>
      <c r="D15" s="38">
        <v>350</v>
      </c>
      <c r="E15" s="39">
        <v>0</v>
      </c>
      <c r="F15" s="39">
        <v>210</v>
      </c>
      <c r="G15" s="39">
        <v>117</v>
      </c>
      <c r="H15" s="39">
        <v>19</v>
      </c>
      <c r="I15" s="39">
        <v>4</v>
      </c>
      <c r="J15" s="40">
        <v>0</v>
      </c>
    </row>
    <row r="16" spans="1:10" ht="19.5" customHeight="1" x14ac:dyDescent="0.2">
      <c r="A16" s="72">
        <v>1988</v>
      </c>
      <c r="B16" s="75" t="s">
        <v>26</v>
      </c>
      <c r="C16" s="24" t="s">
        <v>21</v>
      </c>
      <c r="D16" s="25">
        <f>E16+F16+G16+H16+I16+J16</f>
        <v>551</v>
      </c>
      <c r="E16" s="26">
        <v>2</v>
      </c>
      <c r="F16" s="26">
        <v>89</v>
      </c>
      <c r="G16" s="26">
        <v>212</v>
      </c>
      <c r="H16" s="26">
        <v>161</v>
      </c>
      <c r="I16" s="26">
        <v>85</v>
      </c>
      <c r="J16" s="27">
        <v>2</v>
      </c>
    </row>
    <row r="17" spans="1:10" ht="19.5" customHeight="1" x14ac:dyDescent="0.2">
      <c r="A17" s="72"/>
      <c r="B17" s="75"/>
      <c r="C17" s="16" t="s">
        <v>22</v>
      </c>
      <c r="D17" s="28">
        <v>276</v>
      </c>
      <c r="E17" s="29">
        <v>2</v>
      </c>
      <c r="F17" s="29">
        <v>68</v>
      </c>
      <c r="G17" s="29">
        <v>92</v>
      </c>
      <c r="H17" s="29">
        <v>74</v>
      </c>
      <c r="I17" s="29">
        <v>40</v>
      </c>
      <c r="J17" s="30">
        <v>4</v>
      </c>
    </row>
    <row r="18" spans="1:10" ht="19.5" customHeight="1" x14ac:dyDescent="0.2">
      <c r="A18" s="72"/>
      <c r="B18" s="75"/>
      <c r="C18" s="31" t="s">
        <v>23</v>
      </c>
      <c r="D18" s="32">
        <v>346</v>
      </c>
      <c r="E18" s="33">
        <v>0</v>
      </c>
      <c r="F18" s="33">
        <v>206</v>
      </c>
      <c r="G18" s="33">
        <v>116</v>
      </c>
      <c r="H18" s="33">
        <v>18</v>
      </c>
      <c r="I18" s="33">
        <v>6</v>
      </c>
      <c r="J18" s="34">
        <v>0</v>
      </c>
    </row>
    <row r="19" spans="1:10" ht="19.5" customHeight="1" x14ac:dyDescent="0.2">
      <c r="A19" s="71">
        <v>1989</v>
      </c>
      <c r="B19" s="74" t="s">
        <v>27</v>
      </c>
      <c r="C19" s="12" t="s">
        <v>21</v>
      </c>
      <c r="D19" s="35">
        <f>E19+F19+G19+H19+I19+J19</f>
        <v>550</v>
      </c>
      <c r="E19" s="36">
        <v>2</v>
      </c>
      <c r="F19" s="36">
        <v>94</v>
      </c>
      <c r="G19" s="36">
        <v>208</v>
      </c>
      <c r="H19" s="36">
        <v>159</v>
      </c>
      <c r="I19" s="36">
        <v>85</v>
      </c>
      <c r="J19" s="37">
        <v>2</v>
      </c>
    </row>
    <row r="20" spans="1:10" ht="19.5" customHeight="1" x14ac:dyDescent="0.2">
      <c r="A20" s="72"/>
      <c r="B20" s="75"/>
      <c r="C20" s="16" t="s">
        <v>22</v>
      </c>
      <c r="D20" s="28">
        <v>269</v>
      </c>
      <c r="E20" s="29">
        <v>1</v>
      </c>
      <c r="F20" s="29">
        <v>76</v>
      </c>
      <c r="G20" s="29">
        <v>84</v>
      </c>
      <c r="H20" s="29">
        <v>63</v>
      </c>
      <c r="I20" s="29">
        <v>41</v>
      </c>
      <c r="J20" s="30">
        <v>4</v>
      </c>
    </row>
    <row r="21" spans="1:10" ht="19.5" customHeight="1" x14ac:dyDescent="0.2">
      <c r="A21" s="73"/>
      <c r="B21" s="76"/>
      <c r="C21" s="20" t="s">
        <v>23</v>
      </c>
      <c r="D21" s="38">
        <v>339</v>
      </c>
      <c r="E21" s="39">
        <v>0</v>
      </c>
      <c r="F21" s="39">
        <v>201</v>
      </c>
      <c r="G21" s="39">
        <v>114</v>
      </c>
      <c r="H21" s="39">
        <v>18</v>
      </c>
      <c r="I21" s="39">
        <v>6</v>
      </c>
      <c r="J21" s="40">
        <v>0</v>
      </c>
    </row>
    <row r="22" spans="1:10" ht="19.5" customHeight="1" x14ac:dyDescent="0.2">
      <c r="A22" s="72">
        <v>1990</v>
      </c>
      <c r="B22" s="75" t="s">
        <v>28</v>
      </c>
      <c r="C22" s="24" t="s">
        <v>21</v>
      </c>
      <c r="D22" s="25">
        <f>E22+F22+G22+H22+I22+J22</f>
        <v>516</v>
      </c>
      <c r="E22" s="26">
        <v>1</v>
      </c>
      <c r="F22" s="26">
        <v>113</v>
      </c>
      <c r="G22" s="26">
        <v>168</v>
      </c>
      <c r="H22" s="26">
        <v>140</v>
      </c>
      <c r="I22" s="26">
        <v>90</v>
      </c>
      <c r="J22" s="27">
        <v>4</v>
      </c>
    </row>
    <row r="23" spans="1:10" ht="19.5" customHeight="1" x14ac:dyDescent="0.2">
      <c r="A23" s="72"/>
      <c r="B23" s="75"/>
      <c r="C23" s="16" t="s">
        <v>22</v>
      </c>
      <c r="D23" s="28">
        <f>E23+F23+G23+H23+I23+J23</f>
        <v>242</v>
      </c>
      <c r="E23" s="29">
        <v>0</v>
      </c>
      <c r="F23" s="29">
        <v>52</v>
      </c>
      <c r="G23" s="29">
        <v>83</v>
      </c>
      <c r="H23" s="29">
        <v>66</v>
      </c>
      <c r="I23" s="29">
        <v>37</v>
      </c>
      <c r="J23" s="30">
        <v>4</v>
      </c>
    </row>
    <row r="24" spans="1:10" ht="19.5" customHeight="1" x14ac:dyDescent="0.2">
      <c r="A24" s="72"/>
      <c r="B24" s="75"/>
      <c r="C24" s="31" t="s">
        <v>23</v>
      </c>
      <c r="D24" s="32">
        <f>E24+F24+G24+H24+I24+J24</f>
        <v>293</v>
      </c>
      <c r="E24" s="33">
        <v>2</v>
      </c>
      <c r="F24" s="33">
        <v>164</v>
      </c>
      <c r="G24" s="33">
        <v>103</v>
      </c>
      <c r="H24" s="33">
        <v>15</v>
      </c>
      <c r="I24" s="33">
        <v>9</v>
      </c>
      <c r="J24" s="34">
        <v>0</v>
      </c>
    </row>
    <row r="25" spans="1:10" ht="19.5" customHeight="1" x14ac:dyDescent="0.2">
      <c r="A25" s="71">
        <v>1991</v>
      </c>
      <c r="B25" s="74" t="s">
        <v>29</v>
      </c>
      <c r="C25" s="12" t="s">
        <v>21</v>
      </c>
      <c r="D25" s="35">
        <f>E25+F25+G25+H25+I25+J25</f>
        <v>510</v>
      </c>
      <c r="E25" s="36">
        <v>0</v>
      </c>
      <c r="F25" s="36">
        <v>114</v>
      </c>
      <c r="G25" s="36">
        <v>167</v>
      </c>
      <c r="H25" s="36">
        <v>142</v>
      </c>
      <c r="I25" s="36">
        <v>84</v>
      </c>
      <c r="J25" s="37">
        <v>3</v>
      </c>
    </row>
    <row r="26" spans="1:10" ht="19.5" customHeight="1" x14ac:dyDescent="0.2">
      <c r="A26" s="72"/>
      <c r="B26" s="75"/>
      <c r="C26" s="16" t="s">
        <v>22</v>
      </c>
      <c r="D26" s="28">
        <v>243</v>
      </c>
      <c r="E26" s="29">
        <v>2</v>
      </c>
      <c r="F26" s="29">
        <v>52</v>
      </c>
      <c r="G26" s="29">
        <v>82</v>
      </c>
      <c r="H26" s="29">
        <v>63</v>
      </c>
      <c r="I26" s="29">
        <v>40</v>
      </c>
      <c r="J26" s="30">
        <v>4</v>
      </c>
    </row>
    <row r="27" spans="1:10" ht="19.5" customHeight="1" x14ac:dyDescent="0.2">
      <c r="A27" s="73"/>
      <c r="B27" s="76"/>
      <c r="C27" s="20" t="s">
        <v>23</v>
      </c>
      <c r="D27" s="38">
        <v>292</v>
      </c>
      <c r="E27" s="39">
        <v>2</v>
      </c>
      <c r="F27" s="39">
        <v>165</v>
      </c>
      <c r="G27" s="39">
        <v>100</v>
      </c>
      <c r="H27" s="39">
        <v>16</v>
      </c>
      <c r="I27" s="39">
        <v>9</v>
      </c>
      <c r="J27" s="40">
        <v>0</v>
      </c>
    </row>
    <row r="28" spans="1:10" ht="19.5" customHeight="1" x14ac:dyDescent="0.2">
      <c r="A28" s="72">
        <v>1992</v>
      </c>
      <c r="B28" s="75" t="s">
        <v>30</v>
      </c>
      <c r="C28" s="24" t="s">
        <v>21</v>
      </c>
      <c r="D28" s="25">
        <f>E28+F28+G28+H28+I28+J28</f>
        <v>498</v>
      </c>
      <c r="E28" s="26">
        <v>0</v>
      </c>
      <c r="F28" s="26">
        <v>111</v>
      </c>
      <c r="G28" s="26">
        <v>162</v>
      </c>
      <c r="H28" s="26">
        <v>136</v>
      </c>
      <c r="I28" s="26">
        <v>86</v>
      </c>
      <c r="J28" s="27">
        <v>3</v>
      </c>
    </row>
    <row r="29" spans="1:10" ht="19.5" customHeight="1" x14ac:dyDescent="0.2">
      <c r="A29" s="72"/>
      <c r="B29" s="75"/>
      <c r="C29" s="16" t="s">
        <v>22</v>
      </c>
      <c r="D29" s="28">
        <v>238</v>
      </c>
      <c r="E29" s="29">
        <v>2</v>
      </c>
      <c r="F29" s="29">
        <v>51</v>
      </c>
      <c r="G29" s="29">
        <v>77</v>
      </c>
      <c r="H29" s="29">
        <v>65</v>
      </c>
      <c r="I29" s="29">
        <v>41</v>
      </c>
      <c r="J29" s="30">
        <v>2</v>
      </c>
    </row>
    <row r="30" spans="1:10" ht="19.5" customHeight="1" x14ac:dyDescent="0.2">
      <c r="A30" s="72"/>
      <c r="B30" s="75"/>
      <c r="C30" s="31" t="s">
        <v>23</v>
      </c>
      <c r="D30" s="32">
        <v>268</v>
      </c>
      <c r="E30" s="33">
        <v>1</v>
      </c>
      <c r="F30" s="33">
        <v>147</v>
      </c>
      <c r="G30" s="33">
        <v>94</v>
      </c>
      <c r="H30" s="33">
        <v>16</v>
      </c>
      <c r="I30" s="33">
        <v>10</v>
      </c>
      <c r="J30" s="34">
        <v>0</v>
      </c>
    </row>
    <row r="31" spans="1:10" ht="19.5" customHeight="1" x14ac:dyDescent="0.2">
      <c r="A31" s="71">
        <v>1993</v>
      </c>
      <c r="B31" s="74" t="s">
        <v>31</v>
      </c>
      <c r="C31" s="12" t="s">
        <v>21</v>
      </c>
      <c r="D31" s="35">
        <f>E31+F31+G31+H31+I31+J31</f>
        <v>475</v>
      </c>
      <c r="E31" s="36">
        <v>0</v>
      </c>
      <c r="F31" s="36">
        <v>108</v>
      </c>
      <c r="G31" s="36">
        <v>147</v>
      </c>
      <c r="H31" s="36">
        <v>133</v>
      </c>
      <c r="I31" s="36">
        <v>85</v>
      </c>
      <c r="J31" s="37">
        <v>2</v>
      </c>
    </row>
    <row r="32" spans="1:10" ht="19.5" customHeight="1" x14ac:dyDescent="0.2">
      <c r="A32" s="72"/>
      <c r="B32" s="75"/>
      <c r="C32" s="16" t="s">
        <v>22</v>
      </c>
      <c r="D32" s="28">
        <f>E32+F32+G32+H32+I32+J32</f>
        <v>229</v>
      </c>
      <c r="E32" s="29">
        <v>1</v>
      </c>
      <c r="F32" s="29">
        <v>49</v>
      </c>
      <c r="G32" s="29">
        <v>74</v>
      </c>
      <c r="H32" s="29">
        <v>62</v>
      </c>
      <c r="I32" s="29">
        <v>41</v>
      </c>
      <c r="J32" s="30">
        <v>2</v>
      </c>
    </row>
    <row r="33" spans="1:10" ht="19.5" customHeight="1" x14ac:dyDescent="0.2">
      <c r="A33" s="73"/>
      <c r="B33" s="76"/>
      <c r="C33" s="20" t="s">
        <v>23</v>
      </c>
      <c r="D33" s="38">
        <f>E33+F33+G33+H33+I33+J33</f>
        <v>257</v>
      </c>
      <c r="E33" s="39">
        <v>1</v>
      </c>
      <c r="F33" s="39">
        <v>144</v>
      </c>
      <c r="G33" s="39">
        <v>85</v>
      </c>
      <c r="H33" s="39">
        <v>16</v>
      </c>
      <c r="I33" s="39">
        <v>11</v>
      </c>
      <c r="J33" s="40">
        <v>0</v>
      </c>
    </row>
    <row r="34" spans="1:10" ht="19.5" customHeight="1" x14ac:dyDescent="0.2">
      <c r="A34" s="71">
        <v>1994</v>
      </c>
      <c r="B34" s="74" t="s">
        <v>32</v>
      </c>
      <c r="C34" s="24" t="s">
        <v>21</v>
      </c>
      <c r="D34" s="25">
        <v>460</v>
      </c>
      <c r="E34" s="26">
        <v>0</v>
      </c>
      <c r="F34" s="26">
        <v>95</v>
      </c>
      <c r="G34" s="26">
        <v>145</v>
      </c>
      <c r="H34" s="26">
        <v>132</v>
      </c>
      <c r="I34" s="26">
        <v>87</v>
      </c>
      <c r="J34" s="27">
        <v>1</v>
      </c>
    </row>
    <row r="35" spans="1:10" ht="19.5" customHeight="1" x14ac:dyDescent="0.2">
      <c r="A35" s="72"/>
      <c r="B35" s="75"/>
      <c r="C35" s="16" t="s">
        <v>22</v>
      </c>
      <c r="D35" s="28">
        <v>227</v>
      </c>
      <c r="E35" s="29">
        <v>0</v>
      </c>
      <c r="F35" s="29">
        <v>48</v>
      </c>
      <c r="G35" s="29">
        <v>72</v>
      </c>
      <c r="H35" s="29">
        <v>62</v>
      </c>
      <c r="I35" s="29">
        <v>42</v>
      </c>
      <c r="J35" s="30">
        <v>3</v>
      </c>
    </row>
    <row r="36" spans="1:10" ht="19.5" customHeight="1" x14ac:dyDescent="0.2">
      <c r="A36" s="73"/>
      <c r="B36" s="76"/>
      <c r="C36" s="20" t="s">
        <v>23</v>
      </c>
      <c r="D36" s="38">
        <v>252</v>
      </c>
      <c r="E36" s="39">
        <v>1</v>
      </c>
      <c r="F36" s="39">
        <v>140</v>
      </c>
      <c r="G36" s="39">
        <v>83</v>
      </c>
      <c r="H36" s="39">
        <v>17</v>
      </c>
      <c r="I36" s="39">
        <v>11</v>
      </c>
      <c r="J36" s="40">
        <v>0</v>
      </c>
    </row>
    <row r="37" spans="1:10" ht="19.5" customHeight="1" x14ac:dyDescent="0.2">
      <c r="A37" s="71">
        <v>1995</v>
      </c>
      <c r="B37" s="74" t="s">
        <v>33</v>
      </c>
      <c r="C37" s="12" t="s">
        <v>21</v>
      </c>
      <c r="D37" s="35">
        <v>447</v>
      </c>
      <c r="E37" s="36">
        <v>1</v>
      </c>
      <c r="F37" s="36">
        <v>34</v>
      </c>
      <c r="G37" s="36">
        <v>144</v>
      </c>
      <c r="H37" s="36">
        <v>118</v>
      </c>
      <c r="I37" s="36">
        <v>93</v>
      </c>
      <c r="J37" s="37">
        <v>4</v>
      </c>
    </row>
    <row r="38" spans="1:10" ht="19.5" customHeight="1" x14ac:dyDescent="0.2">
      <c r="A38" s="72"/>
      <c r="B38" s="75"/>
      <c r="C38" s="16" t="s">
        <v>22</v>
      </c>
      <c r="D38" s="28">
        <v>206</v>
      </c>
      <c r="E38" s="29">
        <v>4</v>
      </c>
      <c r="F38" s="29">
        <v>11</v>
      </c>
      <c r="G38" s="29">
        <v>65</v>
      </c>
      <c r="H38" s="29">
        <v>77</v>
      </c>
      <c r="I38" s="29">
        <v>44</v>
      </c>
      <c r="J38" s="30">
        <v>3</v>
      </c>
    </row>
    <row r="39" spans="1:10" ht="19.5" customHeight="1" x14ac:dyDescent="0.2">
      <c r="A39" s="73"/>
      <c r="B39" s="76"/>
      <c r="C39" s="20" t="s">
        <v>23</v>
      </c>
      <c r="D39" s="38">
        <v>256</v>
      </c>
      <c r="E39" s="39">
        <v>2</v>
      </c>
      <c r="F39" s="39">
        <v>52</v>
      </c>
      <c r="G39" s="39">
        <v>83</v>
      </c>
      <c r="H39" s="39">
        <v>18</v>
      </c>
      <c r="I39" s="39">
        <v>10</v>
      </c>
      <c r="J39" s="40">
        <v>0</v>
      </c>
    </row>
    <row r="40" spans="1:10" ht="19.5" customHeight="1" x14ac:dyDescent="0.2">
      <c r="A40" s="71">
        <v>1996</v>
      </c>
      <c r="B40" s="74" t="s">
        <v>34</v>
      </c>
      <c r="C40" s="12" t="s">
        <v>35</v>
      </c>
      <c r="D40" s="35">
        <f>E40+F40+G40+H40+I40+J40</f>
        <v>459</v>
      </c>
      <c r="E40" s="36">
        <v>3</v>
      </c>
      <c r="F40" s="36">
        <v>98</v>
      </c>
      <c r="G40" s="36">
        <v>147</v>
      </c>
      <c r="H40" s="36">
        <v>127</v>
      </c>
      <c r="I40" s="36">
        <v>82</v>
      </c>
      <c r="J40" s="37">
        <v>2</v>
      </c>
    </row>
    <row r="41" spans="1:10" ht="19.5" customHeight="1" x14ac:dyDescent="0.2">
      <c r="A41" s="72"/>
      <c r="B41" s="75"/>
      <c r="C41" s="16" t="s">
        <v>22</v>
      </c>
      <c r="D41" s="28">
        <v>224</v>
      </c>
      <c r="E41" s="29">
        <v>1</v>
      </c>
      <c r="F41" s="29">
        <v>51</v>
      </c>
      <c r="G41" s="29">
        <v>68</v>
      </c>
      <c r="H41" s="29">
        <v>62</v>
      </c>
      <c r="I41" s="29">
        <v>39</v>
      </c>
      <c r="J41" s="30">
        <v>2</v>
      </c>
    </row>
    <row r="42" spans="1:10" ht="19.5" customHeight="1" x14ac:dyDescent="0.2">
      <c r="A42" s="73"/>
      <c r="B42" s="76"/>
      <c r="C42" s="20" t="s">
        <v>23</v>
      </c>
      <c r="D42" s="38">
        <v>259</v>
      </c>
      <c r="E42" s="39">
        <v>1</v>
      </c>
      <c r="F42" s="39">
        <v>146</v>
      </c>
      <c r="G42" s="39">
        <v>83</v>
      </c>
      <c r="H42" s="39">
        <v>19</v>
      </c>
      <c r="I42" s="39">
        <v>10</v>
      </c>
      <c r="J42" s="40">
        <v>0</v>
      </c>
    </row>
    <row r="43" spans="1:10" ht="19.5" customHeight="1" x14ac:dyDescent="0.2">
      <c r="A43" s="71">
        <v>1997</v>
      </c>
      <c r="B43" s="74" t="s">
        <v>36</v>
      </c>
      <c r="C43" s="12" t="s">
        <v>35</v>
      </c>
      <c r="D43" s="35">
        <v>448</v>
      </c>
      <c r="E43" s="36">
        <v>0</v>
      </c>
      <c r="F43" s="36">
        <v>96</v>
      </c>
      <c r="G43" s="36">
        <v>140</v>
      </c>
      <c r="H43" s="36">
        <v>125</v>
      </c>
      <c r="I43" s="36">
        <v>85</v>
      </c>
      <c r="J43" s="37">
        <v>2</v>
      </c>
    </row>
    <row r="44" spans="1:10" ht="19.5" customHeight="1" x14ac:dyDescent="0.2">
      <c r="A44" s="72"/>
      <c r="B44" s="75"/>
      <c r="C44" s="16" t="s">
        <v>22</v>
      </c>
      <c r="D44" s="28">
        <v>215</v>
      </c>
      <c r="E44" s="29">
        <v>0</v>
      </c>
      <c r="F44" s="29">
        <v>49</v>
      </c>
      <c r="G44" s="29">
        <v>63</v>
      </c>
      <c r="H44" s="29">
        <v>62</v>
      </c>
      <c r="I44" s="29">
        <v>40</v>
      </c>
      <c r="J44" s="30">
        <v>1</v>
      </c>
    </row>
    <row r="45" spans="1:10" ht="19.5" customHeight="1" x14ac:dyDescent="0.2">
      <c r="A45" s="73"/>
      <c r="B45" s="76"/>
      <c r="C45" s="20" t="s">
        <v>23</v>
      </c>
      <c r="D45" s="38">
        <v>248</v>
      </c>
      <c r="E45" s="39">
        <v>1</v>
      </c>
      <c r="F45" s="39">
        <v>142</v>
      </c>
      <c r="G45" s="39">
        <v>74</v>
      </c>
      <c r="H45" s="39">
        <v>21</v>
      </c>
      <c r="I45" s="39">
        <v>10</v>
      </c>
      <c r="J45" s="40">
        <v>0</v>
      </c>
    </row>
    <row r="46" spans="1:10" ht="19.5" customHeight="1" x14ac:dyDescent="0.2">
      <c r="A46" s="72">
        <v>1998</v>
      </c>
      <c r="B46" s="75" t="s">
        <v>37</v>
      </c>
      <c r="C46" s="24" t="s">
        <v>35</v>
      </c>
      <c r="D46" s="25">
        <v>404</v>
      </c>
      <c r="E46" s="26">
        <v>2</v>
      </c>
      <c r="F46" s="26">
        <v>88</v>
      </c>
      <c r="G46" s="26">
        <v>122</v>
      </c>
      <c r="H46" s="26">
        <v>108</v>
      </c>
      <c r="I46" s="26">
        <v>79</v>
      </c>
      <c r="J46" s="27">
        <v>5</v>
      </c>
    </row>
    <row r="47" spans="1:10" ht="19.5" customHeight="1" x14ac:dyDescent="0.2">
      <c r="A47" s="72"/>
      <c r="B47" s="75"/>
      <c r="C47" s="16" t="s">
        <v>22</v>
      </c>
      <c r="D47" s="28">
        <v>197</v>
      </c>
      <c r="E47" s="29">
        <v>0</v>
      </c>
      <c r="F47" s="29">
        <v>36</v>
      </c>
      <c r="G47" s="29">
        <v>59</v>
      </c>
      <c r="H47" s="29">
        <v>58</v>
      </c>
      <c r="I47" s="29">
        <v>41</v>
      </c>
      <c r="J47" s="30">
        <v>3</v>
      </c>
    </row>
    <row r="48" spans="1:10" ht="19.5" customHeight="1" x14ac:dyDescent="0.2">
      <c r="A48" s="72"/>
      <c r="B48" s="75"/>
      <c r="C48" s="31" t="s">
        <v>23</v>
      </c>
      <c r="D48" s="32">
        <v>219</v>
      </c>
      <c r="E48" s="33">
        <v>0</v>
      </c>
      <c r="F48" s="33">
        <v>120</v>
      </c>
      <c r="G48" s="33">
        <v>67</v>
      </c>
      <c r="H48" s="33">
        <v>23</v>
      </c>
      <c r="I48" s="33">
        <v>9</v>
      </c>
      <c r="J48" s="34">
        <v>0</v>
      </c>
    </row>
    <row r="49" spans="1:10" ht="19.5" customHeight="1" x14ac:dyDescent="0.2">
      <c r="A49" s="71">
        <v>1999</v>
      </c>
      <c r="B49" s="74" t="s">
        <v>38</v>
      </c>
      <c r="C49" s="12" t="s">
        <v>35</v>
      </c>
      <c r="D49" s="35">
        <v>400</v>
      </c>
      <c r="E49" s="36">
        <v>1</v>
      </c>
      <c r="F49" s="36">
        <v>86</v>
      </c>
      <c r="G49" s="36">
        <v>120</v>
      </c>
      <c r="H49" s="36">
        <v>111</v>
      </c>
      <c r="I49" s="36">
        <v>77</v>
      </c>
      <c r="J49" s="37">
        <v>5</v>
      </c>
    </row>
    <row r="50" spans="1:10" ht="19.5" customHeight="1" x14ac:dyDescent="0.2">
      <c r="A50" s="72"/>
      <c r="B50" s="75"/>
      <c r="C50" s="16" t="s">
        <v>22</v>
      </c>
      <c r="D50" s="28">
        <v>206</v>
      </c>
      <c r="E50" s="29">
        <v>0</v>
      </c>
      <c r="F50" s="29">
        <v>47</v>
      </c>
      <c r="G50" s="29">
        <v>59</v>
      </c>
      <c r="H50" s="29">
        <v>57</v>
      </c>
      <c r="I50" s="29">
        <v>42</v>
      </c>
      <c r="J50" s="30">
        <v>1</v>
      </c>
    </row>
    <row r="51" spans="1:10" ht="19.5" customHeight="1" x14ac:dyDescent="0.2">
      <c r="A51" s="73"/>
      <c r="B51" s="76"/>
      <c r="C51" s="20" t="s">
        <v>23</v>
      </c>
      <c r="D51" s="38">
        <v>188</v>
      </c>
      <c r="E51" s="39">
        <v>1</v>
      </c>
      <c r="F51" s="39">
        <v>87</v>
      </c>
      <c r="G51" s="39">
        <v>69</v>
      </c>
      <c r="H51" s="39">
        <v>21</v>
      </c>
      <c r="I51" s="39">
        <v>10</v>
      </c>
      <c r="J51" s="40">
        <v>0</v>
      </c>
    </row>
    <row r="52" spans="1:10" s="44" customFormat="1" ht="19.5" customHeight="1" x14ac:dyDescent="0.2">
      <c r="A52" s="72">
        <v>2000</v>
      </c>
      <c r="B52" s="75" t="s">
        <v>39</v>
      </c>
      <c r="C52" s="24" t="s">
        <v>35</v>
      </c>
      <c r="D52" s="41">
        <v>344</v>
      </c>
      <c r="E52" s="42">
        <v>2</v>
      </c>
      <c r="F52" s="42">
        <v>35</v>
      </c>
      <c r="G52" s="42">
        <v>117</v>
      </c>
      <c r="H52" s="42">
        <v>110</v>
      </c>
      <c r="I52" s="42">
        <v>75</v>
      </c>
      <c r="J52" s="43">
        <v>5</v>
      </c>
    </row>
    <row r="53" spans="1:10" s="44" customFormat="1" ht="19.5" customHeight="1" x14ac:dyDescent="0.2">
      <c r="A53" s="72"/>
      <c r="B53" s="75"/>
      <c r="C53" s="16" t="s">
        <v>22</v>
      </c>
      <c r="D53" s="45">
        <v>160</v>
      </c>
      <c r="E53" s="46">
        <v>0</v>
      </c>
      <c r="F53" s="46">
        <v>15</v>
      </c>
      <c r="G53" s="46">
        <v>50</v>
      </c>
      <c r="H53" s="46">
        <v>54</v>
      </c>
      <c r="I53" s="46">
        <v>39</v>
      </c>
      <c r="J53" s="47">
        <v>2</v>
      </c>
    </row>
    <row r="54" spans="1:10" s="44" customFormat="1" ht="19.5" customHeight="1" x14ac:dyDescent="0.2">
      <c r="A54" s="72"/>
      <c r="B54" s="75"/>
      <c r="C54" s="31" t="s">
        <v>23</v>
      </c>
      <c r="D54" s="48">
        <v>135</v>
      </c>
      <c r="E54" s="49">
        <v>1</v>
      </c>
      <c r="F54" s="49">
        <v>44</v>
      </c>
      <c r="G54" s="49">
        <v>57</v>
      </c>
      <c r="H54" s="49">
        <v>22</v>
      </c>
      <c r="I54" s="49">
        <v>11</v>
      </c>
      <c r="J54" s="50">
        <v>0</v>
      </c>
    </row>
    <row r="55" spans="1:10" s="44" customFormat="1" ht="19.5" customHeight="1" x14ac:dyDescent="0.2">
      <c r="A55" s="71">
        <v>2005</v>
      </c>
      <c r="B55" s="74" t="s">
        <v>40</v>
      </c>
      <c r="C55" s="12" t="s">
        <v>41</v>
      </c>
      <c r="D55" s="51">
        <v>261</v>
      </c>
      <c r="E55" s="52">
        <v>2</v>
      </c>
      <c r="F55" s="52">
        <v>33</v>
      </c>
      <c r="G55" s="52">
        <v>79</v>
      </c>
      <c r="H55" s="52">
        <v>60</v>
      </c>
      <c r="I55" s="52">
        <v>77</v>
      </c>
      <c r="J55" s="53">
        <v>10</v>
      </c>
    </row>
    <row r="56" spans="1:10" s="44" customFormat="1" ht="19.5" customHeight="1" x14ac:dyDescent="0.2">
      <c r="A56" s="72"/>
      <c r="B56" s="75"/>
      <c r="C56" s="16" t="s">
        <v>42</v>
      </c>
      <c r="D56" s="45">
        <v>128</v>
      </c>
      <c r="E56" s="46">
        <v>0</v>
      </c>
      <c r="F56" s="46">
        <v>9</v>
      </c>
      <c r="G56" s="46">
        <v>34</v>
      </c>
      <c r="H56" s="46">
        <v>42</v>
      </c>
      <c r="I56" s="46">
        <v>41</v>
      </c>
      <c r="J56" s="47">
        <v>2</v>
      </c>
    </row>
    <row r="57" spans="1:10" s="44" customFormat="1" ht="19.5" customHeight="1" x14ac:dyDescent="0.2">
      <c r="A57" s="73"/>
      <c r="B57" s="76"/>
      <c r="C57" s="20" t="s">
        <v>43</v>
      </c>
      <c r="D57" s="54">
        <v>104</v>
      </c>
      <c r="E57" s="55">
        <v>1</v>
      </c>
      <c r="F57" s="55">
        <v>26</v>
      </c>
      <c r="G57" s="55">
        <v>44</v>
      </c>
      <c r="H57" s="55">
        <v>21</v>
      </c>
      <c r="I57" s="55">
        <v>11</v>
      </c>
      <c r="J57" s="56">
        <v>1</v>
      </c>
    </row>
    <row r="58" spans="1:10" s="44" customFormat="1" ht="19.5" customHeight="1" x14ac:dyDescent="0.2">
      <c r="A58" s="72">
        <v>2010</v>
      </c>
      <c r="B58" s="75" t="s">
        <v>44</v>
      </c>
      <c r="C58" s="24" t="s">
        <v>41</v>
      </c>
      <c r="D58" s="41">
        <v>214</v>
      </c>
      <c r="E58" s="42">
        <v>1</v>
      </c>
      <c r="F58" s="42">
        <v>34</v>
      </c>
      <c r="G58" s="42">
        <v>55</v>
      </c>
      <c r="H58" s="42">
        <v>36</v>
      </c>
      <c r="I58" s="42">
        <v>77</v>
      </c>
      <c r="J58" s="43">
        <v>11</v>
      </c>
    </row>
    <row r="59" spans="1:10" s="44" customFormat="1" ht="19.5" customHeight="1" x14ac:dyDescent="0.2">
      <c r="A59" s="72"/>
      <c r="B59" s="75"/>
      <c r="C59" s="16" t="s">
        <v>42</v>
      </c>
      <c r="D59" s="45">
        <v>112</v>
      </c>
      <c r="E59" s="46">
        <v>0</v>
      </c>
      <c r="F59" s="46">
        <v>5</v>
      </c>
      <c r="G59" s="46">
        <v>30</v>
      </c>
      <c r="H59" s="46">
        <v>31</v>
      </c>
      <c r="I59" s="46">
        <v>42</v>
      </c>
      <c r="J59" s="47">
        <v>4</v>
      </c>
    </row>
    <row r="60" spans="1:10" s="44" customFormat="1" ht="19.5" customHeight="1" x14ac:dyDescent="0.2">
      <c r="A60" s="72"/>
      <c r="B60" s="75"/>
      <c r="C60" s="31" t="s">
        <v>43</v>
      </c>
      <c r="D60" s="48">
        <v>82</v>
      </c>
      <c r="E60" s="49">
        <v>0</v>
      </c>
      <c r="F60" s="49">
        <v>25</v>
      </c>
      <c r="G60" s="49">
        <v>29</v>
      </c>
      <c r="H60" s="49">
        <v>13</v>
      </c>
      <c r="I60" s="49">
        <v>13</v>
      </c>
      <c r="J60" s="50">
        <v>1</v>
      </c>
    </row>
    <row r="61" spans="1:10" s="44" customFormat="1" ht="19.5" customHeight="1" x14ac:dyDescent="0.2">
      <c r="A61" s="71">
        <v>2015</v>
      </c>
      <c r="B61" s="74" t="s">
        <v>45</v>
      </c>
      <c r="C61" s="12" t="s">
        <v>41</v>
      </c>
      <c r="D61" s="51">
        <v>163</v>
      </c>
      <c r="E61" s="52">
        <v>0</v>
      </c>
      <c r="F61" s="52">
        <v>22</v>
      </c>
      <c r="G61" s="52">
        <v>37</v>
      </c>
      <c r="H61" s="52">
        <v>23</v>
      </c>
      <c r="I61" s="52">
        <v>68</v>
      </c>
      <c r="J61" s="53">
        <v>13</v>
      </c>
    </row>
    <row r="62" spans="1:10" s="44" customFormat="1" ht="19.5" customHeight="1" x14ac:dyDescent="0.2">
      <c r="A62" s="72"/>
      <c r="B62" s="75"/>
      <c r="C62" s="16" t="s">
        <v>42</v>
      </c>
      <c r="D62" s="45">
        <v>100</v>
      </c>
      <c r="E62" s="46">
        <v>0</v>
      </c>
      <c r="F62" s="46">
        <v>5</v>
      </c>
      <c r="G62" s="46">
        <v>23</v>
      </c>
      <c r="H62" s="46">
        <v>30</v>
      </c>
      <c r="I62" s="46">
        <v>33</v>
      </c>
      <c r="J62" s="47">
        <v>9</v>
      </c>
    </row>
    <row r="63" spans="1:10" s="44" customFormat="1" ht="19.5" customHeight="1" x14ac:dyDescent="0.2">
      <c r="A63" s="73"/>
      <c r="B63" s="75"/>
      <c r="C63" s="20" t="s">
        <v>43</v>
      </c>
      <c r="D63" s="54">
        <v>70</v>
      </c>
      <c r="E63" s="49">
        <v>0</v>
      </c>
      <c r="F63" s="49">
        <v>15</v>
      </c>
      <c r="G63" s="49">
        <v>30</v>
      </c>
      <c r="H63" s="49">
        <v>12</v>
      </c>
      <c r="I63" s="55">
        <v>10</v>
      </c>
      <c r="J63" s="56">
        <v>2</v>
      </c>
    </row>
    <row r="64" spans="1:10" s="44" customFormat="1" ht="19.5" customHeight="1" x14ac:dyDescent="0.2">
      <c r="A64" s="72">
        <v>2020</v>
      </c>
      <c r="B64" s="74" t="s">
        <v>48</v>
      </c>
      <c r="C64" s="24" t="s">
        <v>41</v>
      </c>
      <c r="D64" s="41">
        <v>156</v>
      </c>
      <c r="E64" s="52">
        <v>0</v>
      </c>
      <c r="F64" s="52">
        <v>32</v>
      </c>
      <c r="G64" s="52">
        <v>42</v>
      </c>
      <c r="H64" s="52">
        <v>23</v>
      </c>
      <c r="I64" s="42">
        <v>41</v>
      </c>
      <c r="J64" s="43">
        <v>18</v>
      </c>
    </row>
    <row r="65" spans="1:10" s="44" customFormat="1" ht="19.5" customHeight="1" x14ac:dyDescent="0.2">
      <c r="A65" s="72"/>
      <c r="B65" s="75"/>
      <c r="C65" s="16" t="s">
        <v>42</v>
      </c>
      <c r="D65" s="45">
        <v>92</v>
      </c>
      <c r="E65" s="46">
        <v>0</v>
      </c>
      <c r="F65" s="46">
        <v>12</v>
      </c>
      <c r="G65" s="46">
        <v>18</v>
      </c>
      <c r="H65" s="46">
        <v>24</v>
      </c>
      <c r="I65" s="46">
        <v>30</v>
      </c>
      <c r="J65" s="47">
        <v>8</v>
      </c>
    </row>
    <row r="66" spans="1:10" s="44" customFormat="1" ht="19.5" customHeight="1" thickBot="1" x14ac:dyDescent="0.25">
      <c r="A66" s="80"/>
      <c r="B66" s="81"/>
      <c r="C66" s="57" t="s">
        <v>43</v>
      </c>
      <c r="D66" s="58">
        <v>54</v>
      </c>
      <c r="E66" s="59">
        <v>0</v>
      </c>
      <c r="F66" s="59">
        <v>10</v>
      </c>
      <c r="G66" s="59">
        <v>23</v>
      </c>
      <c r="H66" s="59">
        <v>11</v>
      </c>
      <c r="I66" s="59">
        <v>8</v>
      </c>
      <c r="J66" s="60">
        <v>2</v>
      </c>
    </row>
    <row r="67" spans="1:10" s="44" customFormat="1" x14ac:dyDescent="0.2">
      <c r="A67" s="77" t="s">
        <v>46</v>
      </c>
      <c r="B67" s="77"/>
      <c r="C67" s="77"/>
      <c r="D67" s="77"/>
      <c r="E67" s="77"/>
      <c r="F67" s="77"/>
      <c r="G67" s="77"/>
      <c r="H67" s="77"/>
      <c r="I67" s="77"/>
      <c r="J67" s="77"/>
    </row>
    <row r="68" spans="1:10" ht="30.75" customHeight="1" x14ac:dyDescent="0.2">
      <c r="A68" s="78"/>
      <c r="B68" s="78"/>
      <c r="C68" s="78"/>
      <c r="D68" s="78"/>
      <c r="E68" s="78"/>
      <c r="F68" s="78"/>
      <c r="G68" s="78"/>
      <c r="H68" s="78"/>
      <c r="I68" s="78"/>
      <c r="J68" s="78"/>
    </row>
    <row r="69" spans="1:10" x14ac:dyDescent="0.2">
      <c r="A69" s="61"/>
      <c r="B69" s="61"/>
      <c r="C69" s="61"/>
      <c r="D69" s="61"/>
      <c r="E69" s="61"/>
      <c r="F69" s="61"/>
      <c r="G69" s="61"/>
      <c r="H69" s="61"/>
      <c r="I69" s="61"/>
      <c r="J69" s="61"/>
    </row>
    <row r="70" spans="1:10" ht="13.5" customHeight="1" x14ac:dyDescent="0.2">
      <c r="A70" s="79" t="s">
        <v>47</v>
      </c>
      <c r="B70" s="79"/>
      <c r="C70" s="79"/>
      <c r="D70" s="79"/>
      <c r="E70" s="79"/>
      <c r="F70" s="79"/>
      <c r="G70" s="79"/>
      <c r="H70" s="79"/>
      <c r="I70" s="79"/>
      <c r="J70" s="79"/>
    </row>
    <row r="71" spans="1:10" x14ac:dyDescent="0.2">
      <c r="A71" s="62"/>
      <c r="J71" s="62"/>
    </row>
    <row r="72" spans="1:10" x14ac:dyDescent="0.2">
      <c r="A72" s="62"/>
      <c r="J72" s="62"/>
    </row>
    <row r="73" spans="1:10" x14ac:dyDescent="0.2">
      <c r="A73" s="62"/>
      <c r="J73" s="62"/>
    </row>
    <row r="74" spans="1:10" x14ac:dyDescent="0.2">
      <c r="A74" s="62"/>
      <c r="B74" s="62"/>
      <c r="C74" s="62"/>
      <c r="E74" s="62"/>
      <c r="F74" s="62"/>
      <c r="G74" s="62"/>
      <c r="H74" s="62"/>
      <c r="I74" s="62"/>
      <c r="J74" s="62"/>
    </row>
    <row r="75" spans="1:10" x14ac:dyDescent="0.2">
      <c r="A75" s="62"/>
      <c r="B75" s="62"/>
      <c r="C75" s="62"/>
      <c r="E75" s="62"/>
      <c r="F75" s="62"/>
      <c r="G75" s="62"/>
      <c r="H75" s="62"/>
      <c r="I75" s="62"/>
      <c r="J75" s="62"/>
    </row>
    <row r="79" spans="1:10" x14ac:dyDescent="0.2">
      <c r="D79" s="63"/>
    </row>
    <row r="80" spans="1:10" x14ac:dyDescent="0.2">
      <c r="D80" s="63"/>
    </row>
    <row r="81" spans="4:4" x14ac:dyDescent="0.2">
      <c r="D81" s="63"/>
    </row>
    <row r="82" spans="4:4" x14ac:dyDescent="0.2">
      <c r="D82" s="63"/>
    </row>
    <row r="83" spans="4:4" x14ac:dyDescent="0.2">
      <c r="D83" s="63"/>
    </row>
    <row r="84" spans="4:4" x14ac:dyDescent="0.2">
      <c r="D84" s="63"/>
    </row>
    <row r="85" spans="4:4" x14ac:dyDescent="0.2">
      <c r="D85" s="63"/>
    </row>
    <row r="86" spans="4:4" x14ac:dyDescent="0.2">
      <c r="D86" s="63"/>
    </row>
    <row r="87" spans="4:4" x14ac:dyDescent="0.2">
      <c r="D87" s="63"/>
    </row>
    <row r="88" spans="4:4" x14ac:dyDescent="0.2">
      <c r="D88" s="63"/>
    </row>
    <row r="89" spans="4:4" x14ac:dyDescent="0.2">
      <c r="D89" s="63"/>
    </row>
    <row r="90" spans="4:4" x14ac:dyDescent="0.2">
      <c r="D90" s="63"/>
    </row>
    <row r="91" spans="4:4" x14ac:dyDescent="0.2">
      <c r="D91" s="63"/>
    </row>
  </sheetData>
  <mergeCells count="46">
    <mergeCell ref="A67:J68"/>
    <mergeCell ref="A70:J70"/>
    <mergeCell ref="A55:A57"/>
    <mergeCell ref="B55:B57"/>
    <mergeCell ref="A58:A60"/>
    <mergeCell ref="B58:B60"/>
    <mergeCell ref="A64:A66"/>
    <mergeCell ref="B64:B66"/>
    <mergeCell ref="A61:A63"/>
    <mergeCell ref="B61:B63"/>
    <mergeCell ref="A46:A48"/>
    <mergeCell ref="B46:B48"/>
    <mergeCell ref="A49:A51"/>
    <mergeCell ref="B49:B51"/>
    <mergeCell ref="A52:A54"/>
    <mergeCell ref="B52:B54"/>
    <mergeCell ref="A37:A39"/>
    <mergeCell ref="B37:B39"/>
    <mergeCell ref="A40:A42"/>
    <mergeCell ref="B40:B42"/>
    <mergeCell ref="A43:A45"/>
    <mergeCell ref="B43:B45"/>
    <mergeCell ref="A28:A30"/>
    <mergeCell ref="B28:B30"/>
    <mergeCell ref="A31:A33"/>
    <mergeCell ref="B31:B33"/>
    <mergeCell ref="A34:A36"/>
    <mergeCell ref="B34:B36"/>
    <mergeCell ref="A19:A21"/>
    <mergeCell ref="B19:B21"/>
    <mergeCell ref="A22:A24"/>
    <mergeCell ref="B22:B24"/>
    <mergeCell ref="A25:A27"/>
    <mergeCell ref="B25:B27"/>
    <mergeCell ref="A10:A12"/>
    <mergeCell ref="B10:B12"/>
    <mergeCell ref="A13:A15"/>
    <mergeCell ref="B13:B15"/>
    <mergeCell ref="A16:A18"/>
    <mergeCell ref="B16:B18"/>
    <mergeCell ref="B2:J3"/>
    <mergeCell ref="A5:A6"/>
    <mergeCell ref="B5:B6"/>
    <mergeCell ref="C5:C6"/>
    <mergeCell ref="A7:A9"/>
    <mergeCell ref="B7:B9"/>
  </mergeCells>
  <phoneticPr fontId="2"/>
  <pageMargins left="0.78740157480314965" right="0.59055118110236227" top="0.98425196850393704" bottom="0.98425196850393704" header="0.51181102362204722" footer="0.51181102362204722"/>
  <pageSetup paperSize="9" scale="97" orientation="portrait" horizontalDpi="300" verticalDpi="300" r:id="rId1"/>
  <headerFooter alignWithMargins="0"/>
  <rowBreaks count="1" manualBreakCount="1">
    <brk id="36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-5 経営耕地規模別農家数</vt:lpstr>
      <vt:lpstr>'1-5 経営耕地規模別農家数'!Print_Area</vt:lpstr>
      <vt:lpstr>'1-5 経営耕地規模別農家数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09-22T06:28:16Z</cp:lastPrinted>
  <dcterms:created xsi:type="dcterms:W3CDTF">2017-10-24T07:31:29Z</dcterms:created>
  <dcterms:modified xsi:type="dcterms:W3CDTF">2021-09-30T02:56:43Z</dcterms:modified>
</cp:coreProperties>
</file>